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5"/>
  </p:sldMasterIdLst>
  <p:notesMasterIdLst>
    <p:notesMasterId r:id="rId8"/>
  </p:notesMasterIdLst>
  <p:sldIdLst>
    <p:sldId id="257" r:id="rId6"/>
    <p:sldId id="263" r:id="rId7"/>
  </p:sldIdLst>
  <p:sldSz cx="12192000" cy="6858000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21" autoAdjust="0"/>
    <p:restoredTop sz="94660"/>
  </p:normalViewPr>
  <p:slideViewPr>
    <p:cSldViewPr snapToGrid="0">
      <p:cViewPr varScale="1">
        <p:scale>
          <a:sx n="69" d="100"/>
          <a:sy n="69" d="100"/>
        </p:scale>
        <p:origin x="53" y="43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tableStyles" Target="table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theme" Target="theme/theme1.xml"/><Relationship Id="rId5" Type="http://schemas.openxmlformats.org/officeDocument/2006/relationships/slideMaster" Target="slideMasters/slideMaster1.xml"/><Relationship Id="rId10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Lugeder, Jana" userId="2470d98d-a60a-4e02-a7da-719fc5e6d524" providerId="ADAL" clId="{6B8DBE69-19CF-40E1-84FB-C723D98F4A04}"/>
    <pc:docChg chg="modSld">
      <pc:chgData name="Lugeder, Jana" userId="2470d98d-a60a-4e02-a7da-719fc5e6d524" providerId="ADAL" clId="{6B8DBE69-19CF-40E1-84FB-C723D98F4A04}" dt="2022-01-13T13:27:11.008" v="1" actId="20577"/>
      <pc:docMkLst>
        <pc:docMk/>
      </pc:docMkLst>
      <pc:sldChg chg="modSp mod">
        <pc:chgData name="Lugeder, Jana" userId="2470d98d-a60a-4e02-a7da-719fc5e6d524" providerId="ADAL" clId="{6B8DBE69-19CF-40E1-84FB-C723D98F4A04}" dt="2022-01-13T13:27:11.008" v="1" actId="20577"/>
        <pc:sldMkLst>
          <pc:docMk/>
          <pc:sldMk cId="0" sldId="257"/>
        </pc:sldMkLst>
        <pc:spChg chg="mod">
          <ac:chgData name="Lugeder, Jana" userId="2470d98d-a60a-4e02-a7da-719fc5e6d524" providerId="ADAL" clId="{6B8DBE69-19CF-40E1-84FB-C723D98F4A04}" dt="2022-01-13T13:27:11.008" v="1" actId="20577"/>
          <ac:spMkLst>
            <pc:docMk/>
            <pc:sldMk cId="0" sldId="257"/>
            <ac:spMk id="4" creationId="{7FB2CE9B-6452-40D5-86E3-E2ADC2B21E10}"/>
          </ac:spMkLst>
        </pc:sp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F4BF2E3-A5C6-4DD2-A884-09A25DA709C1}" type="datetimeFigureOut">
              <a:rPr lang="en-DE" smtClean="0"/>
              <a:t>13/01/2022</a:t>
            </a:fld>
            <a:endParaRPr lang="en-DE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DE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E5DAA55-EBE3-4F61-BC56-6CE8C0710442}" type="slidenum">
              <a:rPr lang="en-DE" smtClean="0"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373559981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5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1" name="Google Shape;51;p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52" name="Google Shape;52;p:notes"/>
          <p:cNvSpPr txBox="1">
            <a:spLocks noGrp="1"/>
          </p:cNvSpPr>
          <p:nvPr>
            <p:ph type="body" idx="1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e-DE"/>
              <a:t>Caro</a:t>
            </a:r>
            <a:endParaRPr/>
          </a:p>
        </p:txBody>
      </p:sp>
    </p:spTree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6210126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88675754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03681818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00853175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387459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3169354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95824529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84726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171270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7224627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 anchor="t"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15765069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1/13/2022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24426104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661" r:id="rId1"/>
    <p:sldLayoutId id="2147483662" r:id="rId2"/>
    <p:sldLayoutId id="2147483663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5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4" name="Google Shape;54;p13"/>
          <p:cNvSpPr txBox="1">
            <a:spLocks noGrp="1"/>
          </p:cNvSpPr>
          <p:nvPr>
            <p:ph type="ctrTitle"/>
          </p:nvPr>
        </p:nvSpPr>
        <p:spPr>
          <a:xfrm>
            <a:off x="4685423" y="2091728"/>
            <a:ext cx="5680400" cy="2736800"/>
          </a:xfrm>
          <a:prstGeom prst="rect">
            <a:avLst/>
          </a:prstGeom>
        </p:spPr>
        <p:txBody>
          <a:bodyPr spcFirstLastPara="1" vert="horz" wrap="square" lIns="121900" tIns="121900" rIns="121900" bIns="121900" rtlCol="0" anchor="ctr" anchorCtr="0">
            <a:normAutofit/>
          </a:bodyPr>
          <a:lstStyle/>
          <a:p>
            <a:pPr>
              <a:spcBef>
                <a:spcPts val="0"/>
              </a:spcBef>
            </a:pPr>
            <a:r>
              <a:rPr lang="en-GB" sz="9333" err="1">
                <a:latin typeface="Oswald SemiBold"/>
                <a:ea typeface="Oswald SemiBold"/>
                <a:cs typeface="Oswald SemiBold"/>
                <a:sym typeface="Oswald SemiBold"/>
              </a:rPr>
              <a:t>ShireTec</a:t>
            </a:r>
            <a:endParaRPr sz="9333">
              <a:latin typeface="Oswald SemiBold"/>
              <a:ea typeface="Oswald SemiBold"/>
              <a:cs typeface="Oswald SemiBold"/>
              <a:sym typeface="Oswald SemiBold"/>
            </a:endParaRPr>
          </a:p>
        </p:txBody>
      </p:sp>
      <p:sp>
        <p:nvSpPr>
          <p:cNvPr id="55" name="Google Shape;55;p13"/>
          <p:cNvSpPr txBox="1">
            <a:spLocks noGrp="1"/>
          </p:cNvSpPr>
          <p:nvPr>
            <p:ph type="ctrTitle" idx="4294967295"/>
          </p:nvPr>
        </p:nvSpPr>
        <p:spPr>
          <a:xfrm>
            <a:off x="0" y="1990725"/>
            <a:ext cx="5680075" cy="2736850"/>
          </a:xfrm>
          <a:prstGeom prst="rect">
            <a:avLst/>
          </a:prstGeom>
        </p:spPr>
        <p:txBody>
          <a:bodyPr spcFirstLastPara="1" vert="horz" wrap="square" lIns="121900" tIns="121900" rIns="121900" bIns="121900" rtlCol="0" anchor="ctr" anchorCtr="0">
            <a:normAutofit/>
          </a:bodyPr>
          <a:lstStyle/>
          <a:p>
            <a:pPr>
              <a:spcBef>
                <a:spcPts val="0"/>
              </a:spcBef>
            </a:pPr>
            <a:r>
              <a:rPr lang="en-GB" sz="12000">
                <a:latin typeface="Impact"/>
                <a:ea typeface="Impact"/>
                <a:cs typeface="Impact"/>
                <a:sym typeface="Impact"/>
              </a:rPr>
              <a:t>		&lt;/&gt; |</a:t>
            </a:r>
            <a:endParaRPr sz="12000">
              <a:latin typeface="Impact"/>
              <a:ea typeface="Impact"/>
              <a:cs typeface="Impact"/>
              <a:sym typeface="Impact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FB2CE9B-6452-40D5-86E3-E2ADC2B21E10}"/>
              </a:ext>
            </a:extLst>
          </p:cNvPr>
          <p:cNvSpPr txBox="1">
            <a:spLocks/>
          </p:cNvSpPr>
          <p:nvPr/>
        </p:nvSpPr>
        <p:spPr>
          <a:xfrm>
            <a:off x="838200" y="2459459"/>
            <a:ext cx="10515600" cy="2852737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60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DE" sz="4000"/>
              <a:t>Zwischenstand 18.01.2022</a:t>
            </a:r>
            <a:endParaRPr lang="en-DE" sz="4000"/>
          </a:p>
        </p:txBody>
      </p:sp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F6E559-321A-4C9F-82C7-1B14C5FB51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Agenda</a:t>
            </a:r>
            <a:endParaRPr lang="en-DE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7879402-FFB1-4926-99B2-898C8B83A30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rmAutofit/>
          </a:bodyPr>
          <a:lstStyle/>
          <a:p>
            <a:endParaRPr lang="en-US" sz="1800">
              <a:cs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1440004053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 Them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 Them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F46216B-77A9-411A-B9D3-5023FCB70208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4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B7907530-0CC5-4229-9EFB-458F577AA3A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21E4BB68-DBE0-4174-BF38-A8F24AA97E0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ffice Theme</Template>
  <TotalTime>1</TotalTime>
  <Words>9</Words>
  <Application>Microsoft Office PowerPoint</Application>
  <PresentationFormat>Widescreen</PresentationFormat>
  <Paragraphs>5</Paragraphs>
  <Slides>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8" baseType="lpstr">
      <vt:lpstr>Arial</vt:lpstr>
      <vt:lpstr>Calibri</vt:lpstr>
      <vt:lpstr>Calibri Light</vt:lpstr>
      <vt:lpstr>Impact</vt:lpstr>
      <vt:lpstr>Oswald SemiBold</vt:lpstr>
      <vt:lpstr>Office Theme</vt:lpstr>
      <vt:lpstr>ShireTec</vt:lpstr>
      <vt:lpstr>Agenda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  &lt;/&gt; |</dc:title>
  <cp:lastModifiedBy>Lugeder, Jana</cp:lastModifiedBy>
  <cp:revision>1</cp:revision>
  <dcterms:created xsi:type="dcterms:W3CDTF">2022-01-11T14:55:27Z</dcterms:created>
  <dcterms:modified xsi:type="dcterms:W3CDTF">2022-01-13T13:27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8737921108620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